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"/>
  </p:notesMasterIdLst>
  <p:sldIdLst>
    <p:sldId id="257" r:id="rId2"/>
  </p:sldIdLst>
  <p:sldSz cx="12192000" cy="6858000"/>
  <p:notesSz cx="6858000" cy="9144000"/>
  <p:custDataLst>
    <p:tags r:id="rId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995" autoAdjust="0"/>
    <p:restoredTop sz="94660"/>
  </p:normalViewPr>
  <p:slideViewPr>
    <p:cSldViewPr snapToGrid="0">
      <p:cViewPr varScale="1">
        <p:scale>
          <a:sx n="85" d="100"/>
          <a:sy n="85" d="100"/>
        </p:scale>
        <p:origin x="518" y="-29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bleStyles" Target="tableStyles.xml"/><Relationship Id="rId3" Type="http://schemas.openxmlformats.org/officeDocument/2006/relationships/notesMaster" Target="notesMasters/notesMaster1.xml"/><Relationship Id="rId7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viewProps" Target="viewProps.xml"/><Relationship Id="rId5" Type="http://schemas.openxmlformats.org/officeDocument/2006/relationships/presProps" Target="presProps.xml"/><Relationship Id="rId4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4354DEC-0363-4304-9DEC-8B29CD609CE0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6EF516B-36AC-4C0C-83E9-2B6D73022CB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14107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6EF516B-36AC-4C0C-83E9-2B6D73022CBF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4393790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2248352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420021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3819429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7626795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036244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3608762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5642861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774397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8753258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939342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214724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F4398609-7CCE-42B1-AC73-58B12902DE54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A919A14-1687-46B2-BD5B-BE9E0319D6F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0786685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4" Type="http://schemas.openxmlformats.org/officeDocument/2006/relationships/image" Target="../media/image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32617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B4E57C60-7005-4FD6-A6A3-91250A7202CF}"/>
  <p:tag name="ISPRING_RESOURCE_FOLDER" val="E:\KHKT THA3\Bai hat sinh hoat\bai hat\"/>
  <p:tag name="ISPRING_PRESENTATION_PATH" val="E:\KHKT THA3\Bai hat sinh hoat\bai hat.pptx"/>
  <p:tag name="ISPRING_PROJECT_VERSION" val="9"/>
  <p:tag name="ISPRING_PROJECT_FOLDER_UPDATED" val="1"/>
  <p:tag name="ISPRING_SCREEN_RECS_UPDATED" val="E:\KHKT THA3\Bai hat sinh hoat\bai hat\"/>
  <p:tag name="ISPRING_PLAYERS_CUSTOMIZATION_2" val="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"/>
  <p:tag name="ISPRING_LMS_API_VERSION" val="SCORM 1.2"/>
  <p:tag name="ISPRING_ULTRA_SCORM_COURSE_ID" val="B59451E3-491A-41E1-9A04-3DE6B32A9588"/>
  <p:tag name="ISPRING_CMI5_LAUNCH_METHOD" val="any window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SCORM_RATE_SLIDES" val="0"/>
  <p:tag name="ISPRING_SCORM_RATE_QUIZZES" val="0"/>
  <p:tag name="ISPRING_SCORM_PASSING_SCORE" val="0.000000"/>
  <p:tag name="ISPRING_CURRENT_PLAYER_ID" val="universal"/>
  <p:tag name="ISPRING_PRESENTATION_TITLE" val="bai hat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Glossary"/>
  <p:tag name="ISPRING_INTERACTION_FULL_PATH" val="E:\KHKT THA3\Bai hat sinh hoat\bai hat\interactions\intr2.visuals"/>
  <p:tag name="ISPRING_INTERACTION_RELATIVE_PATH" val="bai hat\interactions\intr2.visuals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9</TotalTime>
  <Words>1</Words>
  <Application>Microsoft Office PowerPoint</Application>
  <PresentationFormat>Widescreen</PresentationFormat>
  <Paragraphs>1</Paragraphs>
  <Slides>1</Slides>
  <Notes>1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</vt:i4>
      </vt:variant>
    </vt:vector>
  </HeadingPairs>
  <TitlesOfParts>
    <vt:vector size="5" baseType="lpstr">
      <vt:lpstr>Arial</vt:lpstr>
      <vt:lpstr>Calibri</vt:lpstr>
      <vt:lpstr>Calibri Light</vt:lpstr>
      <vt:lpstr>Office Theme</vt:lpstr>
      <vt:lpstr>PowerPoint Presentation</vt:lpstr>
    </vt:vector>
  </TitlesOfParts>
  <Company>Phienbanmoi.com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i hat</dc:title>
  <dc:creator>LEHAIT</dc:creator>
  <cp:lastModifiedBy>LEHAIT</cp:lastModifiedBy>
  <cp:revision>9</cp:revision>
  <dcterms:created xsi:type="dcterms:W3CDTF">2021-12-30T05:18:15Z</dcterms:created>
  <dcterms:modified xsi:type="dcterms:W3CDTF">2021-12-30T06:57:44Z</dcterms:modified>
</cp:coreProperties>
</file>